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ansinger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ontwerp&#10;&#10;Automatisch gegenereerde beschrijving">
            <a:extLst>
              <a:ext uri="{FF2B5EF4-FFF2-40B4-BE49-F238E27FC236}">
                <a16:creationId xmlns:a16="http://schemas.microsoft.com/office/drawing/2014/main" id="{E220D202-9235-7455-18B9-7B15AF9D36A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5067300"/>
            <a:ext cx="2478265" cy="150182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ontwerp&#10;&#10;Automatisch gegenereerde beschrijving">
            <a:extLst>
              <a:ext uri="{FF2B5EF4-FFF2-40B4-BE49-F238E27FC236}">
                <a16:creationId xmlns:a16="http://schemas.microsoft.com/office/drawing/2014/main" id="{C21026C7-879B-3F50-E626-032E03F3476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7758" y="4218110"/>
            <a:ext cx="1801792" cy="109188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1-18T15:14:06Z</dcterms:modified>
</cp:coreProperties>
</file>